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939F9" w:rsidRDefault="00D939F9">
      <w:r w:rsidRPr="00D939F9">
        <w:rPr>
          <w:noProof/>
          <w:lang w:eastAsia="cs-CZ"/>
        </w:rPr>
        <w:drawing>
          <wp:anchor distT="0" distB="0" distL="114300" distR="114300" simplePos="0" relativeHeight="251658240" behindDoc="0" locked="0" layoutInCell="1" allowOverlap="1">
            <wp:simplePos x="895350" y="895350"/>
            <wp:positionH relativeFrom="column">
              <wp:align>left</wp:align>
            </wp:positionH>
            <wp:positionV relativeFrom="paragraph">
              <wp:align>top</wp:align>
            </wp:positionV>
            <wp:extent cx="1409700" cy="1689290"/>
            <wp:effectExtent l="0" t="0" r="0" b="6350"/>
            <wp:wrapSquare wrapText="bothSides"/>
            <wp:docPr id="1" name="Obrázek 1" descr="\\s1\HomeU$\pracda\Dokumenty\My Pictures\Saved Pictures\praminek_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\HomeU$\pracda\Dokumenty\My Pictures\Saved Pictures\praminek_logo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09700" cy="16892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t>KYTAROVÝ SOUBOR „PRAMÍNEK“ při ZŠ Chmelnice</w:t>
      </w:r>
    </w:p>
    <w:p w:rsidR="00D939F9" w:rsidRDefault="00D939F9">
      <w:r>
        <w:t xml:space="preserve">                    ZVE NOVÉ ZÁJEMCE!</w:t>
      </w:r>
    </w:p>
    <w:p w:rsidR="00D939F9" w:rsidRDefault="00D939F9">
      <w:r>
        <w:t xml:space="preserve">Přijímáme žáky </w:t>
      </w:r>
      <w:proofErr w:type="gramStart"/>
      <w:r>
        <w:t>od 4.ročníku</w:t>
      </w:r>
      <w:proofErr w:type="gramEnd"/>
      <w:r>
        <w:t xml:space="preserve">. Stačí mít funkční kytaru s obalem, chuť cvičit a zkusit něco nového. Není třeba znát noty! Hrajeme převážně akordický doprovod k písním a skladbám různých žánrů. Pravidelně se účastníme všech významných akcí školy, spolupracujeme se školním flétnovým souborem. Zkoušíme každý čtvrtek. Čas upřesníme v září (začátek kolem 13,00). Kurzovné  bylo letos 480,- Kč na </w:t>
      </w:r>
      <w:proofErr w:type="gramStart"/>
      <w:r>
        <w:t>pol.</w:t>
      </w:r>
      <w:proofErr w:type="gramEnd"/>
      <w:r>
        <w:t xml:space="preserve">, pokud dojde ke zvýšení, nebude razantní. </w:t>
      </w:r>
    </w:p>
    <w:p w:rsidR="00D939F9" w:rsidRDefault="00D939F9">
      <w:r>
        <w:t xml:space="preserve">Další </w:t>
      </w:r>
      <w:proofErr w:type="spellStart"/>
      <w:r>
        <w:t>info</w:t>
      </w:r>
      <w:proofErr w:type="spellEnd"/>
      <w:r>
        <w:t xml:space="preserve"> na webu školy – </w:t>
      </w:r>
      <w:hyperlink r:id="rId5" w:history="1">
        <w:r w:rsidRPr="009150A0">
          <w:rPr>
            <w:rStyle w:val="Hypertextovodkaz"/>
          </w:rPr>
          <w:t>http://zschmelnice.cz/aktivity/kytarovýsoubor</w:t>
        </w:r>
      </w:hyperlink>
      <w:r>
        <w:t>.</w:t>
      </w:r>
    </w:p>
    <w:p w:rsidR="00D939F9" w:rsidRDefault="00D939F9">
      <w:r>
        <w:t xml:space="preserve">Těší se na Vás </w:t>
      </w:r>
      <w:proofErr w:type="spellStart"/>
      <w:r>
        <w:t>D.Práchenská</w:t>
      </w:r>
      <w:proofErr w:type="spellEnd"/>
      <w:r>
        <w:t xml:space="preserve">, tř.uč.bud.2.C, </w:t>
      </w:r>
      <w:proofErr w:type="spellStart"/>
      <w:r>
        <w:t>ved.kyt.souboru</w:t>
      </w:r>
      <w:proofErr w:type="spellEnd"/>
    </w:p>
    <w:p w:rsidR="00F33601" w:rsidRDefault="00D939F9">
      <w:r>
        <w:t xml:space="preserve">……………………………………………zde oddělte……………………………………………………………………………………   </w:t>
      </w:r>
    </w:p>
    <w:p w:rsidR="00D939F9" w:rsidRDefault="00F33601">
      <w:r>
        <w:t xml:space="preserve">                                   </w:t>
      </w:r>
      <w:r w:rsidR="00D939F9">
        <w:t xml:space="preserve">Přihláška </w:t>
      </w:r>
      <w:r>
        <w:t xml:space="preserve">do </w:t>
      </w:r>
      <w:r w:rsidR="00D939F9">
        <w:t>kytarového souboru Pramínek</w:t>
      </w:r>
    </w:p>
    <w:p w:rsidR="00F33601" w:rsidRDefault="00D939F9">
      <w:r>
        <w:t>Přihlašuji ……………………………………………………………….. (jméno) …………………. (budoucí třída)</w:t>
      </w:r>
    </w:p>
    <w:p w:rsidR="00F33601" w:rsidRDefault="00F33601">
      <w:r>
        <w:t xml:space="preserve">do kurzu začátečníků ve </w:t>
      </w:r>
      <w:proofErr w:type="spellStart"/>
      <w:r>
        <w:t>šk.roce</w:t>
      </w:r>
      <w:proofErr w:type="spellEnd"/>
      <w:r>
        <w:t xml:space="preserve"> 2018/19.</w:t>
      </w:r>
    </w:p>
    <w:p w:rsidR="00F33601" w:rsidRDefault="00F33601">
      <w:r>
        <w:t>Datum:………………………………..                          Podpis rodiče:…………………………………………………</w:t>
      </w:r>
      <w:bookmarkStart w:id="0" w:name="_GoBack"/>
      <w:bookmarkEnd w:id="0"/>
    </w:p>
    <w:sectPr w:rsidR="00F3360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EE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EE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939F9"/>
    <w:rsid w:val="004205DC"/>
    <w:rsid w:val="00C2255B"/>
    <w:rsid w:val="00D939F9"/>
    <w:rsid w:val="00E36E59"/>
    <w:rsid w:val="00E95D7A"/>
    <w:rsid w:val="00F3360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91E4332-9888-4509-985F-63E5AEAAE4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unhideWhenUsed/>
    <w:rsid w:val="00D939F9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hyperlink" Target="http://zschmelnice.cz/aktivity/kytarov&#253;soubor" TargetMode="Externa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1</Pages>
  <Words>152</Words>
  <Characters>898</Characters>
  <Application>Microsoft Office Word</Application>
  <DocSecurity>0</DocSecurity>
  <Lines>7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ráchenská Daniela</dc:creator>
  <cp:keywords/>
  <dc:description/>
  <cp:lastModifiedBy>Práchenská Daniela</cp:lastModifiedBy>
  <cp:revision>3</cp:revision>
  <dcterms:created xsi:type="dcterms:W3CDTF">2018-05-24T12:36:00Z</dcterms:created>
  <dcterms:modified xsi:type="dcterms:W3CDTF">2018-05-24T13:05:00Z</dcterms:modified>
</cp:coreProperties>
</file>